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861897\Desktop\居宅訪問型用安全計画参考様式の提供について\"/>
    </mc:Choice>
  </mc:AlternateContent>
  <xr:revisionPtr revIDLastSave="0" documentId="13_ncr:1_{83F82E4E-C04D-4809-8A15-EBFE904DAB77}" xr6:coauthVersionLast="47" xr6:coauthVersionMax="47" xr10:uidLastSave="{00000000-0000-0000-0000-000000000000}"/>
  <bookViews>
    <workbookView xWindow="7080" yWindow="690" windowWidth="20025" windowHeight="15600" xr2:uid="{6C063FD7-8552-4516-9CBD-129E6E72033E}"/>
  </bookViews>
  <sheets>
    <sheet name="Sheet1" sheetId="1" r:id="rId1"/>
  </sheets>
  <definedNames>
    <definedName name="_xlnm.Print_Area" localSheetId="0">Sheet1!$A$1:$F$69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8" uniqueCount="67">
  <si>
    <t>◎</t>
    <phoneticPr fontId="1"/>
  </si>
  <si>
    <t>安全点検</t>
    <rPh sb="0" eb="2">
      <t>アンゼン</t>
    </rPh>
    <rPh sb="2" eb="4">
      <t>テンケン</t>
    </rPh>
    <phoneticPr fontId="1"/>
  </si>
  <si>
    <t>点検項目</t>
    <rPh sb="0" eb="2">
      <t>テンケン</t>
    </rPh>
    <rPh sb="2" eb="4">
      <t>コウモク</t>
    </rPh>
    <phoneticPr fontId="1"/>
  </si>
  <si>
    <t>点検内容及び点検方法</t>
    <rPh sb="0" eb="2">
      <t>テンケン</t>
    </rPh>
    <rPh sb="2" eb="4">
      <t>ナイヨウ</t>
    </rPh>
    <rPh sb="4" eb="5">
      <t>オヨ</t>
    </rPh>
    <rPh sb="6" eb="8">
      <t>テンケン</t>
    </rPh>
    <rPh sb="8" eb="10">
      <t>ホウホウ</t>
    </rPh>
    <phoneticPr fontId="1"/>
  </si>
  <si>
    <t>周辺環境</t>
    <rPh sb="0" eb="2">
      <t>シュウヘン</t>
    </rPh>
    <rPh sb="2" eb="4">
      <t>カンキョウ</t>
    </rPh>
    <phoneticPr fontId="1"/>
  </si>
  <si>
    <t>保育室内</t>
    <rPh sb="0" eb="4">
      <t>ホイクシツナイ</t>
    </rPh>
    <phoneticPr fontId="1"/>
  </si>
  <si>
    <t>玩具・遊具等</t>
    <rPh sb="0" eb="2">
      <t>ガング</t>
    </rPh>
    <rPh sb="3" eb="5">
      <t>ユウグ</t>
    </rPh>
    <rPh sb="5" eb="6">
      <t>トウ</t>
    </rPh>
    <phoneticPr fontId="1"/>
  </si>
  <si>
    <t>分野</t>
    <rPh sb="0" eb="2">
      <t>ブンヤ</t>
    </rPh>
    <phoneticPr fontId="1"/>
  </si>
  <si>
    <t>策定時期</t>
    <rPh sb="0" eb="2">
      <t>サクテイ</t>
    </rPh>
    <rPh sb="2" eb="4">
      <t>ジキ</t>
    </rPh>
    <phoneticPr fontId="1"/>
  </si>
  <si>
    <t>　　年　月　日　</t>
    <rPh sb="2" eb="3">
      <t>ネン</t>
    </rPh>
    <rPh sb="4" eb="5">
      <t>ツキ</t>
    </rPh>
    <rPh sb="6" eb="7">
      <t>ニチ</t>
    </rPh>
    <phoneticPr fontId="1"/>
  </si>
  <si>
    <t>□　午睡</t>
    <rPh sb="2" eb="4">
      <t>ゴスイ</t>
    </rPh>
    <phoneticPr fontId="1"/>
  </si>
  <si>
    <t>□　食事</t>
    <rPh sb="2" eb="4">
      <t>ショクジ</t>
    </rPh>
    <phoneticPr fontId="1"/>
  </si>
  <si>
    <t>□　水遊び　・　プール</t>
    <rPh sb="2" eb="4">
      <t>ミズアソ</t>
    </rPh>
    <phoneticPr fontId="1"/>
  </si>
  <si>
    <t>□　室外活動（散歩）</t>
    <rPh sb="2" eb="4">
      <t>シツガイ</t>
    </rPh>
    <rPh sb="4" eb="6">
      <t>カツドウ</t>
    </rPh>
    <rPh sb="7" eb="9">
      <t>サンポ</t>
    </rPh>
    <phoneticPr fontId="1"/>
  </si>
  <si>
    <t>□　送迎　（実施の場合）</t>
    <rPh sb="2" eb="4">
      <t>ソウゲイ</t>
    </rPh>
    <rPh sb="6" eb="8">
      <t>ジッシ</t>
    </rPh>
    <rPh sb="9" eb="11">
      <t>バアイ</t>
    </rPh>
    <phoneticPr fontId="1"/>
  </si>
  <si>
    <t>災害時マニュアル</t>
    <rPh sb="0" eb="2">
      <t>サイガイ</t>
    </rPh>
    <rPh sb="2" eb="3">
      <t>ジ</t>
    </rPh>
    <phoneticPr fontId="1"/>
  </si>
  <si>
    <t>不審者対応時マニュアル</t>
    <rPh sb="0" eb="3">
      <t>フシンシャ</t>
    </rPh>
    <rPh sb="3" eb="5">
      <t>タイオウ</t>
    </rPh>
    <rPh sb="5" eb="6">
      <t>ジ</t>
    </rPh>
    <phoneticPr fontId="1"/>
  </si>
  <si>
    <t>児童・保護者に対する安全指導等</t>
    <rPh sb="0" eb="2">
      <t>ジドウ</t>
    </rPh>
    <rPh sb="3" eb="6">
      <t>ホゴシャ</t>
    </rPh>
    <rPh sb="7" eb="8">
      <t>タイ</t>
    </rPh>
    <rPh sb="10" eb="12">
      <t>アンゼン</t>
    </rPh>
    <rPh sb="12" eb="14">
      <t>シドウ</t>
    </rPh>
    <rPh sb="14" eb="15">
      <t>トウ</t>
    </rPh>
    <phoneticPr fontId="1"/>
  </si>
  <si>
    <t>児童の年齢</t>
    <rPh sb="0" eb="2">
      <t>ジドウ</t>
    </rPh>
    <rPh sb="3" eb="5">
      <t>ネンレイ</t>
    </rPh>
    <phoneticPr fontId="1"/>
  </si>
  <si>
    <t>指導内容</t>
    <rPh sb="0" eb="2">
      <t>シドウ</t>
    </rPh>
    <rPh sb="2" eb="4">
      <t>ナイヨウ</t>
    </rPh>
    <phoneticPr fontId="1"/>
  </si>
  <si>
    <t>保護者への説明内容</t>
    <rPh sb="0" eb="3">
      <t>ホゴシャ</t>
    </rPh>
    <rPh sb="5" eb="7">
      <t>セツメイ</t>
    </rPh>
    <rPh sb="7" eb="9">
      <t>ナイヨウ</t>
    </rPh>
    <phoneticPr fontId="1"/>
  </si>
  <si>
    <t>共有方法</t>
    <rPh sb="0" eb="2">
      <t>キョウユウ</t>
    </rPh>
    <rPh sb="2" eb="4">
      <t>ホウホウ</t>
    </rPh>
    <phoneticPr fontId="1"/>
  </si>
  <si>
    <t>訓練・研修</t>
    <rPh sb="0" eb="2">
      <t>クンレン</t>
    </rPh>
    <rPh sb="3" eb="5">
      <t>ケンシュウ</t>
    </rPh>
    <phoneticPr fontId="1"/>
  </si>
  <si>
    <t>再発防止の徹底（ヒヤリ・ハット事例の収集・分析及び対策）</t>
    <rPh sb="0" eb="2">
      <t>サイハツ</t>
    </rPh>
    <rPh sb="2" eb="4">
      <t>ボウシ</t>
    </rPh>
    <rPh sb="5" eb="7">
      <t>テッテイ</t>
    </rPh>
    <rPh sb="15" eb="17">
      <t>ジレイ</t>
    </rPh>
    <rPh sb="18" eb="20">
      <t>シュウシュウ</t>
    </rPh>
    <rPh sb="21" eb="23">
      <t>ブンセキ</t>
    </rPh>
    <rPh sb="23" eb="24">
      <t>オヨ</t>
    </rPh>
    <rPh sb="25" eb="27">
      <t>タイサク</t>
    </rPh>
    <phoneticPr fontId="1"/>
  </si>
  <si>
    <t>　事業所名</t>
    <rPh sb="1" eb="4">
      <t>ジギョウショ</t>
    </rPh>
    <rPh sb="4" eb="5">
      <t>メイ</t>
    </rPh>
    <phoneticPr fontId="1"/>
  </si>
  <si>
    <t>見直し（再点検）
　　　予定時期</t>
    <rPh sb="0" eb="2">
      <t>ミナオ</t>
    </rPh>
    <rPh sb="4" eb="7">
      <t>サイテンケン</t>
    </rPh>
    <rPh sb="12" eb="14">
      <t>ヨテイ</t>
    </rPh>
    <rPh sb="14" eb="16">
      <t>ジキ</t>
    </rPh>
    <phoneticPr fontId="1"/>
  </si>
  <si>
    <t>室内設備</t>
    <rPh sb="0" eb="2">
      <t>シツナイ</t>
    </rPh>
    <rPh sb="2" eb="4">
      <t>セツビ</t>
    </rPh>
    <phoneticPr fontId="1"/>
  </si>
  <si>
    <t>室外設備</t>
    <rPh sb="0" eb="2">
      <t>シツガイ</t>
    </rPh>
    <rPh sb="2" eb="4">
      <t>セツビ</t>
    </rPh>
    <phoneticPr fontId="1"/>
  </si>
  <si>
    <t>119番対応時マニュアル</t>
    <rPh sb="3" eb="4">
      <t>バン</t>
    </rPh>
    <rPh sb="4" eb="6">
      <t>タイオウ</t>
    </rPh>
    <rPh sb="6" eb="7">
      <t>ジ</t>
    </rPh>
    <phoneticPr fontId="1"/>
  </si>
  <si>
    <t>救急対応時マニュアル</t>
    <rPh sb="0" eb="2">
      <t>キュウキュウ</t>
    </rPh>
    <rPh sb="2" eb="4">
      <t>タイオウ</t>
    </rPh>
    <rPh sb="4" eb="5">
      <t>ジ</t>
    </rPh>
    <phoneticPr fontId="1"/>
  </si>
  <si>
    <t>月</t>
    <rPh sb="0" eb="1">
      <t>ツキ</t>
    </rPh>
    <phoneticPr fontId="1"/>
  </si>
  <si>
    <t>４月</t>
    <rPh sb="1" eb="2">
      <t>ガツ</t>
    </rPh>
    <phoneticPr fontId="1"/>
  </si>
  <si>
    <t>５月</t>
    <rPh sb="1" eb="2">
      <t>ガツ</t>
    </rPh>
    <phoneticPr fontId="1"/>
  </si>
  <si>
    <t>６月</t>
    <rPh sb="1" eb="2">
      <t>ガツ</t>
    </rPh>
    <phoneticPr fontId="1"/>
  </si>
  <si>
    <t>７月</t>
    <rPh sb="1" eb="2">
      <t>ガツ</t>
    </rPh>
    <phoneticPr fontId="1"/>
  </si>
  <si>
    <t>８月</t>
    <rPh sb="1" eb="2">
      <t>ガツ</t>
    </rPh>
    <phoneticPr fontId="1"/>
  </si>
  <si>
    <t>９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t>1月</t>
    <rPh sb="1" eb="2">
      <t>ガツ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その他の安全確保に向けた取組</t>
    <rPh sb="2" eb="3">
      <t>タ</t>
    </rPh>
    <rPh sb="4" eb="6">
      <t>アンゼン</t>
    </rPh>
    <rPh sb="6" eb="8">
      <t>カクホ</t>
    </rPh>
    <rPh sb="9" eb="10">
      <t>ム</t>
    </rPh>
    <rPh sb="12" eb="14">
      <t>トリクミ</t>
    </rPh>
    <phoneticPr fontId="1"/>
  </si>
  <si>
    <t>　※登録マッチングサイト等により作成がある場合の活用可</t>
    <rPh sb="2" eb="4">
      <t>トウロク</t>
    </rPh>
    <rPh sb="12" eb="13">
      <t>ナド</t>
    </rPh>
    <rPh sb="16" eb="18">
      <t>サクセイ</t>
    </rPh>
    <rPh sb="21" eb="23">
      <t>バアイ</t>
    </rPh>
    <rPh sb="24" eb="26">
      <t>カツヨウ</t>
    </rPh>
    <rPh sb="26" eb="27">
      <t>カ</t>
    </rPh>
    <phoneticPr fontId="1"/>
  </si>
  <si>
    <t>　事業者代表</t>
    <rPh sb="1" eb="4">
      <t>ジギョウシャ</t>
    </rPh>
    <rPh sb="4" eb="6">
      <t>ダイヒョウ</t>
    </rPh>
    <phoneticPr fontId="1"/>
  </si>
  <si>
    <t>管理場所</t>
    <rPh sb="0" eb="4">
      <t>カンリバショ</t>
    </rPh>
    <phoneticPr fontId="1"/>
  </si>
  <si>
    <t>令和　年度　認可外保育施設　保育安全計画（居宅訪問型保育事業）　</t>
    <rPh sb="0" eb="2">
      <t>レイワ</t>
    </rPh>
    <rPh sb="3" eb="5">
      <t>ネンド</t>
    </rPh>
    <rPh sb="26" eb="28">
      <t>ホイク</t>
    </rPh>
    <phoneticPr fontId="1"/>
  </si>
  <si>
    <t>≪札幌市参考様式≫</t>
  </si>
  <si>
    <t>□　降雪　</t>
    <rPh sb="2" eb="4">
      <t>コウセツ</t>
    </rPh>
    <phoneticPr fontId="1"/>
  </si>
  <si>
    <t>事故防止・事故発生時対応マニュアル</t>
    <rPh sb="0" eb="2">
      <t>ジコ</t>
    </rPh>
    <rPh sb="2" eb="4">
      <t>ボウシ</t>
    </rPh>
    <rPh sb="5" eb="10">
      <t>ジコハッセイジ</t>
    </rPh>
    <rPh sb="10" eb="12">
      <t>タイオウ</t>
    </rPh>
    <phoneticPr fontId="1"/>
  </si>
  <si>
    <t>(1) 訪問先の設備・周辺環境等の安全点検</t>
    <rPh sb="4" eb="6">
      <t>ホウモン</t>
    </rPh>
    <rPh sb="6" eb="7">
      <t>サキ</t>
    </rPh>
    <rPh sb="8" eb="10">
      <t>セツビ</t>
    </rPh>
    <rPh sb="11" eb="13">
      <t>シュウヘン</t>
    </rPh>
    <rPh sb="13" eb="15">
      <t>カンキョウ</t>
    </rPh>
    <rPh sb="15" eb="16">
      <t>トウ</t>
    </rPh>
    <rPh sb="17" eb="19">
      <t>アンゼン</t>
    </rPh>
    <rPh sb="19" eb="21">
      <t>テンケン</t>
    </rPh>
    <phoneticPr fontId="1"/>
  </si>
  <si>
    <t>(2) マニュアルの策定</t>
    <rPh sb="10" eb="12">
      <t>サクテイ</t>
    </rPh>
    <phoneticPr fontId="1"/>
  </si>
  <si>
    <t>(1) 児童への安全指導（保育サービス提供時における安全、災害や事故発生時の対応、交通安全等）</t>
    <rPh sb="4" eb="6">
      <t>ジドウ</t>
    </rPh>
    <rPh sb="8" eb="10">
      <t>アンゼン</t>
    </rPh>
    <rPh sb="10" eb="12">
      <t>シドウ</t>
    </rPh>
    <rPh sb="13" eb="15">
      <t>ホイク</t>
    </rPh>
    <rPh sb="19" eb="22">
      <t>テイキョウジ</t>
    </rPh>
    <rPh sb="26" eb="28">
      <t>アンゼン</t>
    </rPh>
    <rPh sb="29" eb="31">
      <t>サイガイ</t>
    </rPh>
    <rPh sb="32" eb="34">
      <t>ジコ</t>
    </rPh>
    <rPh sb="34" eb="36">
      <t>ハッセイ</t>
    </rPh>
    <rPh sb="36" eb="37">
      <t>ジ</t>
    </rPh>
    <rPh sb="38" eb="40">
      <t>タイオウ</t>
    </rPh>
    <rPh sb="41" eb="43">
      <t>コウツウ</t>
    </rPh>
    <rPh sb="43" eb="45">
      <t>アンゼン</t>
    </rPh>
    <rPh sb="45" eb="46">
      <t>トウ</t>
    </rPh>
    <phoneticPr fontId="1"/>
  </si>
  <si>
    <t>(2) 保護者への説明・共有</t>
    <rPh sb="4" eb="7">
      <t>ホゴシャ</t>
    </rPh>
    <rPh sb="9" eb="11">
      <t>セツメイ</t>
    </rPh>
    <rPh sb="12" eb="14">
      <t>キョウユウ</t>
    </rPh>
    <phoneticPr fontId="1"/>
  </si>
  <si>
    <t>(1) 研修・講習受講について</t>
    <rPh sb="4" eb="6">
      <t>ケンシュウ</t>
    </rPh>
    <rPh sb="7" eb="9">
      <t>コウシュウ</t>
    </rPh>
    <rPh sb="9" eb="11">
      <t>ジュコウ</t>
    </rPh>
    <phoneticPr fontId="1"/>
  </si>
  <si>
    <t xml:space="preserve">その他
※２
</t>
    <rPh sb="2" eb="3">
      <t>タ</t>
    </rPh>
    <phoneticPr fontId="1"/>
  </si>
  <si>
    <t>避難訓練等
※１</t>
    <rPh sb="0" eb="5">
      <t>ヒナンクンレンナド</t>
    </rPh>
    <phoneticPr fontId="1"/>
  </si>
  <si>
    <t>※１「避難訓練」…認可外保育施設指導監督基準第３の１の規定に基づき定期的に実施する避難訓練及び消火・通報に
　　　　　　　　　対する訓練。複数の保育に従事する者を雇用していない事業所は、シュミレーションでも可。
※２「その他」…救急対応（心肺蘇生、気道異物除去、AED、エピペンRの使用等）、ケガや急病等における応急対応の
　　　　　　　　方法、「避難訓練」以外の119番通報、不審者対応、室外活動や送迎時における見落とし防止対応等。
　　　　　　　　修了証等の発行がある研修・講習は、発行日を記載すること。</t>
    <rPh sb="3" eb="7">
      <t>ヒナンクンレン</t>
    </rPh>
    <rPh sb="9" eb="11">
      <t>ニンカ</t>
    </rPh>
    <rPh sb="11" eb="16">
      <t>ガイホイクシセツ</t>
    </rPh>
    <rPh sb="16" eb="22">
      <t>シドウカントクキジュン</t>
    </rPh>
    <rPh sb="22" eb="23">
      <t>ダイ</t>
    </rPh>
    <rPh sb="27" eb="29">
      <t>キテイ</t>
    </rPh>
    <rPh sb="30" eb="31">
      <t>モト</t>
    </rPh>
    <rPh sb="33" eb="36">
      <t>テイキテキ</t>
    </rPh>
    <rPh sb="37" eb="39">
      <t>ジッシ</t>
    </rPh>
    <rPh sb="41" eb="45">
      <t>ヒナンクンレン</t>
    </rPh>
    <rPh sb="45" eb="46">
      <t>オヨ</t>
    </rPh>
    <rPh sb="47" eb="49">
      <t>ショウカ</t>
    </rPh>
    <rPh sb="50" eb="52">
      <t>ツウホウ</t>
    </rPh>
    <rPh sb="63" eb="64">
      <t>タイ</t>
    </rPh>
    <rPh sb="66" eb="68">
      <t>クンレン</t>
    </rPh>
    <rPh sb="69" eb="71">
      <t>フクスウ</t>
    </rPh>
    <rPh sb="72" eb="74">
      <t>ホイク</t>
    </rPh>
    <rPh sb="75" eb="77">
      <t>ジュウジ</t>
    </rPh>
    <rPh sb="79" eb="80">
      <t>モノ</t>
    </rPh>
    <rPh sb="81" eb="83">
      <t>コヨウ</t>
    </rPh>
    <rPh sb="88" eb="91">
      <t>ジギョウショ</t>
    </rPh>
    <rPh sb="103" eb="104">
      <t>カ</t>
    </rPh>
    <rPh sb="111" eb="112">
      <t>タ</t>
    </rPh>
    <rPh sb="114" eb="118">
      <t>キュウキュウタイオウ</t>
    </rPh>
    <rPh sb="119" eb="123">
      <t>シンパイソセイ</t>
    </rPh>
    <rPh sb="124" eb="130">
      <t>キドウイブツジョキョ</t>
    </rPh>
    <rPh sb="141" eb="144">
      <t>シヨウナド</t>
    </rPh>
    <rPh sb="149" eb="151">
      <t>キュウビョウ</t>
    </rPh>
    <rPh sb="151" eb="152">
      <t>ナド</t>
    </rPh>
    <rPh sb="156" eb="160">
      <t>オウキュウタイオウ</t>
    </rPh>
    <rPh sb="195" eb="197">
      <t>シツガイ</t>
    </rPh>
    <rPh sb="197" eb="199">
      <t>カツドウ</t>
    </rPh>
    <rPh sb="202" eb="203">
      <t>ジ</t>
    </rPh>
    <rPh sb="211" eb="213">
      <t>ボウシ</t>
    </rPh>
    <rPh sb="213" eb="215">
      <t>タイオウ</t>
    </rPh>
    <rPh sb="229" eb="230">
      <t>ナド</t>
    </rPh>
    <rPh sb="231" eb="233">
      <t>ハッコウ</t>
    </rPh>
    <rPh sb="236" eb="238">
      <t>ケンシュウ</t>
    </rPh>
    <rPh sb="239" eb="241">
      <t>コウシュウ</t>
    </rPh>
    <rPh sb="243" eb="246">
      <t>ハッコウビ</t>
    </rPh>
    <rPh sb="247" eb="249">
      <t>キサイ</t>
    </rPh>
    <phoneticPr fontId="1"/>
  </si>
  <si>
    <t>(2) 自治体・所属する関係団体等が実施する研修スケジュール（参加目途に関わらず記載する）</t>
    <rPh sb="4" eb="7">
      <t>ジチタイ</t>
    </rPh>
    <rPh sb="8" eb="10">
      <t>ショゾク</t>
    </rPh>
    <rPh sb="12" eb="16">
      <t>カンケイダンタイ</t>
    </rPh>
    <rPh sb="16" eb="17">
      <t>トウ</t>
    </rPh>
    <rPh sb="18" eb="20">
      <t>ジッシ</t>
    </rPh>
    <rPh sb="22" eb="24">
      <t>ケンシュウ</t>
    </rPh>
    <rPh sb="31" eb="35">
      <t>サンカメド</t>
    </rPh>
    <rPh sb="36" eb="37">
      <t>カカ</t>
    </rPh>
    <rPh sb="40" eb="42">
      <t>キサイ</t>
    </rPh>
    <phoneticPr fontId="1"/>
  </si>
  <si>
    <t>〔玄関やキッチン、ベランダ等についての確認項目〕</t>
    <rPh sb="1" eb="3">
      <t>ゲンカン</t>
    </rPh>
    <rPh sb="13" eb="14">
      <t>トウ</t>
    </rPh>
    <rPh sb="19" eb="21">
      <t>カクニン</t>
    </rPh>
    <rPh sb="21" eb="23">
      <t>コウモク</t>
    </rPh>
    <phoneticPr fontId="1"/>
  </si>
  <si>
    <t>〔非常口や非常階段、消火設備について確認項目〕</t>
    <rPh sb="1" eb="4">
      <t>ヒジョウクチ</t>
    </rPh>
    <rPh sb="5" eb="7">
      <t>ヒジョウ</t>
    </rPh>
    <rPh sb="7" eb="9">
      <t>カイダン</t>
    </rPh>
    <rPh sb="10" eb="14">
      <t>ショウカセツビ</t>
    </rPh>
    <rPh sb="18" eb="20">
      <t>カクニン</t>
    </rPh>
    <rPh sb="20" eb="22">
      <t>コウモク</t>
    </rPh>
    <phoneticPr fontId="1"/>
  </si>
  <si>
    <t>〔道路や公園、河川等について確認項目〕</t>
    <rPh sb="1" eb="3">
      <t>ドウロ</t>
    </rPh>
    <rPh sb="4" eb="6">
      <t>コウエン</t>
    </rPh>
    <rPh sb="7" eb="9">
      <t>カセン</t>
    </rPh>
    <rPh sb="9" eb="10">
      <t>トウ</t>
    </rPh>
    <rPh sb="14" eb="16">
      <t>カクニン</t>
    </rPh>
    <rPh sb="16" eb="18">
      <t>コウモク</t>
    </rPh>
    <phoneticPr fontId="1"/>
  </si>
  <si>
    <t>〔落下の危険のあるものやハサミ等の刃物類、誤飲につながる小さな物等についての確認項目〕</t>
    <rPh sb="1" eb="3">
      <t>ラッカ</t>
    </rPh>
    <rPh sb="4" eb="6">
      <t>キケン</t>
    </rPh>
    <rPh sb="15" eb="16">
      <t>トウ</t>
    </rPh>
    <rPh sb="17" eb="19">
      <t>ハモノ</t>
    </rPh>
    <rPh sb="19" eb="20">
      <t>ルイ</t>
    </rPh>
    <rPh sb="21" eb="23">
      <t>ゴイン</t>
    </rPh>
    <rPh sb="28" eb="29">
      <t>チイ</t>
    </rPh>
    <rPh sb="31" eb="32">
      <t>モノ</t>
    </rPh>
    <rPh sb="32" eb="33">
      <t>トウ</t>
    </rPh>
    <rPh sb="38" eb="40">
      <t>カクニン</t>
    </rPh>
    <rPh sb="40" eb="42">
      <t>コウモク</t>
    </rPh>
    <phoneticPr fontId="1"/>
  </si>
  <si>
    <t>乳児・
1歳以上３歳未満児</t>
    <rPh sb="0" eb="2">
      <t>ニュウジ</t>
    </rPh>
    <rPh sb="5" eb="8">
      <t>サイイジョウ</t>
    </rPh>
    <rPh sb="9" eb="10">
      <t>サイ</t>
    </rPh>
    <rPh sb="10" eb="12">
      <t>ミマン</t>
    </rPh>
    <rPh sb="12" eb="13">
      <t>ジ</t>
    </rPh>
    <phoneticPr fontId="1"/>
  </si>
  <si>
    <t>３歳以上児</t>
    <rPh sb="1" eb="4">
      <t>サイイジョウ</t>
    </rPh>
    <rPh sb="4" eb="5">
      <t>ジ</t>
    </rPh>
    <phoneticPr fontId="1"/>
  </si>
  <si>
    <t>〔誤飲、年齢に適さない等の危険な玩具・遊具についての記載〕</t>
    <rPh sb="1" eb="3">
      <t>ゴイン</t>
    </rPh>
    <rPh sb="4" eb="6">
      <t>ネンレイ</t>
    </rPh>
    <rPh sb="7" eb="8">
      <t>テキ</t>
    </rPh>
    <rPh sb="11" eb="12">
      <t>ナド</t>
    </rPh>
    <rPh sb="13" eb="15">
      <t>キケン</t>
    </rPh>
    <rPh sb="16" eb="18">
      <t>ガング</t>
    </rPh>
    <rPh sb="19" eb="21">
      <t>ユウグ</t>
    </rPh>
    <rPh sb="26" eb="28">
      <t>キ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HGSｺﾞｼｯｸM"/>
      <family val="3"/>
      <charset val="128"/>
    </font>
    <font>
      <b/>
      <sz val="16"/>
      <color theme="1"/>
      <name val="HGSｺﾞｼｯｸM"/>
      <family val="3"/>
      <charset val="128"/>
    </font>
    <font>
      <sz val="14"/>
      <color theme="1"/>
      <name val="HGSｺﾞｼｯｸM"/>
      <family val="3"/>
      <charset val="128"/>
    </font>
    <font>
      <sz val="12"/>
      <color theme="1"/>
      <name val="HGSｺﾞｼｯｸM"/>
      <family val="3"/>
      <charset val="128"/>
    </font>
    <font>
      <sz val="16"/>
      <color theme="1"/>
      <name val="HGSｺﾞｼｯｸM"/>
      <family val="3"/>
      <charset val="128"/>
    </font>
    <font>
      <b/>
      <sz val="18"/>
      <color theme="1"/>
      <name val="HGSｺﾞｼｯｸM"/>
      <family val="3"/>
      <charset val="128"/>
    </font>
    <font>
      <sz val="16"/>
      <color theme="1"/>
      <name val="游ゴシック"/>
      <family val="2"/>
      <charset val="128"/>
      <scheme val="minor"/>
    </font>
    <font>
      <b/>
      <sz val="20"/>
      <color theme="1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/>
      <bottom/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 style="medium">
        <color indexed="64"/>
      </left>
      <right style="double">
        <color indexed="64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hair">
        <color indexed="64"/>
      </bottom>
      <diagonal/>
    </border>
    <border>
      <left/>
      <right/>
      <top style="double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19">
    <xf numFmtId="0" fontId="0" fillId="0" borderId="0" xfId="0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 indent="1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0" xfId="0" applyFont="1" applyBorder="1">
      <alignment vertical="center"/>
    </xf>
    <xf numFmtId="0" fontId="4" fillId="0" borderId="6" xfId="0" applyFont="1" applyBorder="1">
      <alignment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left" vertical="center" indent="1"/>
    </xf>
    <xf numFmtId="0" fontId="4" fillId="0" borderId="0" xfId="0" applyFont="1">
      <alignment vertical="center"/>
    </xf>
    <xf numFmtId="0" fontId="4" fillId="0" borderId="0" xfId="0" applyFont="1" applyAlignment="1">
      <alignment vertical="center"/>
    </xf>
    <xf numFmtId="0" fontId="4" fillId="0" borderId="3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10" xfId="0" applyFont="1" applyBorder="1">
      <alignment vertical="center"/>
    </xf>
    <xf numFmtId="0" fontId="4" fillId="2" borderId="18" xfId="0" applyFont="1" applyFill="1" applyBorder="1" applyAlignment="1">
      <alignment horizontal="center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>
      <alignment vertical="center"/>
    </xf>
    <xf numFmtId="0" fontId="4" fillId="0" borderId="5" xfId="0" applyFont="1" applyBorder="1" applyAlignment="1">
      <alignment horizontal="right" vertical="center"/>
    </xf>
    <xf numFmtId="0" fontId="4" fillId="0" borderId="11" xfId="0" applyFont="1" applyBorder="1">
      <alignment vertical="center"/>
    </xf>
    <xf numFmtId="0" fontId="4" fillId="0" borderId="12" xfId="0" applyFont="1" applyBorder="1" applyAlignment="1">
      <alignment horizontal="right" vertical="center"/>
    </xf>
    <xf numFmtId="0" fontId="4" fillId="0" borderId="13" xfId="0" applyFont="1" applyBorder="1">
      <alignment vertical="center"/>
    </xf>
    <xf numFmtId="0" fontId="4" fillId="0" borderId="0" xfId="0" applyFont="1" applyFill="1" applyBorder="1" applyAlignment="1">
      <alignment horizontal="left" vertical="center" indent="1"/>
    </xf>
    <xf numFmtId="0" fontId="4" fillId="0" borderId="2" xfId="0" applyFont="1" applyBorder="1" applyAlignment="1">
      <alignment horizontal="left" vertical="center" indent="1"/>
    </xf>
    <xf numFmtId="0" fontId="4" fillId="0" borderId="4" xfId="0" applyFont="1" applyBorder="1">
      <alignment vertical="center"/>
    </xf>
    <xf numFmtId="0" fontId="4" fillId="0" borderId="19" xfId="0" applyFont="1" applyBorder="1" applyAlignment="1">
      <alignment horizontal="right" vertical="center" wrapText="1" indent="1"/>
    </xf>
    <xf numFmtId="0" fontId="4" fillId="0" borderId="21" xfId="0" applyFont="1" applyBorder="1">
      <alignment vertical="center"/>
    </xf>
    <xf numFmtId="0" fontId="4" fillId="0" borderId="10" xfId="0" applyFont="1" applyBorder="1" applyAlignment="1">
      <alignment horizontal="right" vertical="center" wrapText="1" indent="1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 indent="1"/>
    </xf>
    <xf numFmtId="0" fontId="6" fillId="0" borderId="0" xfId="0" applyFont="1" applyAlignment="1">
      <alignment horizontal="right" vertical="center"/>
    </xf>
    <xf numFmtId="0" fontId="6" fillId="0" borderId="0" xfId="0" applyFont="1">
      <alignment vertical="center"/>
    </xf>
    <xf numFmtId="0" fontId="4" fillId="0" borderId="24" xfId="0" applyFont="1" applyBorder="1">
      <alignment vertical="center"/>
    </xf>
    <xf numFmtId="0" fontId="4" fillId="0" borderId="25" xfId="0" applyFont="1" applyBorder="1">
      <alignment vertical="center"/>
    </xf>
    <xf numFmtId="0" fontId="4" fillId="0" borderId="26" xfId="0" applyFont="1" applyBorder="1">
      <alignment vertical="center"/>
    </xf>
    <xf numFmtId="0" fontId="4" fillId="2" borderId="20" xfId="0" applyFont="1" applyFill="1" applyBorder="1" applyAlignment="1">
      <alignment horizontal="center" vertical="center"/>
    </xf>
    <xf numFmtId="0" fontId="4" fillId="0" borderId="27" xfId="0" applyFont="1" applyBorder="1" applyAlignment="1">
      <alignment horizontal="right" vertical="center"/>
    </xf>
    <xf numFmtId="0" fontId="4" fillId="0" borderId="28" xfId="0" applyFont="1" applyBorder="1" applyAlignment="1">
      <alignment horizontal="right" vertical="center"/>
    </xf>
    <xf numFmtId="0" fontId="4" fillId="0" borderId="29" xfId="0" applyFont="1" applyBorder="1" applyAlignment="1">
      <alignment horizontal="right" vertical="center"/>
    </xf>
    <xf numFmtId="0" fontId="4" fillId="2" borderId="30" xfId="0" applyFont="1" applyFill="1" applyBorder="1" applyAlignment="1">
      <alignment horizontal="center" vertical="center"/>
    </xf>
    <xf numFmtId="0" fontId="4" fillId="0" borderId="35" xfId="0" applyFont="1" applyBorder="1" applyAlignment="1">
      <alignment horizontal="left" vertical="center" indent="1"/>
    </xf>
    <xf numFmtId="0" fontId="4" fillId="0" borderId="36" xfId="0" applyFont="1" applyBorder="1" applyAlignment="1">
      <alignment horizontal="left" vertical="center" indent="1"/>
    </xf>
    <xf numFmtId="0" fontId="7" fillId="0" borderId="0" xfId="0" applyFont="1">
      <alignment vertical="center"/>
    </xf>
    <xf numFmtId="0" fontId="6" fillId="0" borderId="0" xfId="0" applyFont="1" applyBorder="1">
      <alignment vertical="center"/>
    </xf>
    <xf numFmtId="0" fontId="4" fillId="2" borderId="17" xfId="0" applyFont="1" applyFill="1" applyBorder="1" applyAlignment="1">
      <alignment horizontal="center" vertical="center" wrapText="1"/>
    </xf>
    <xf numFmtId="0" fontId="4" fillId="2" borderId="18" xfId="0" applyFont="1" applyFill="1" applyBorder="1" applyAlignment="1">
      <alignment horizontal="center" vertical="center"/>
    </xf>
    <xf numFmtId="0" fontId="4" fillId="0" borderId="3" xfId="0" applyFont="1" applyBorder="1" applyAlignment="1">
      <alignment horizontal="left" vertical="center" indent="4"/>
    </xf>
    <xf numFmtId="0" fontId="4" fillId="0" borderId="6" xfId="0" applyFont="1" applyBorder="1" applyAlignment="1">
      <alignment horizontal="left" vertical="center" indent="4"/>
    </xf>
    <xf numFmtId="0" fontId="4" fillId="0" borderId="40" xfId="0" applyFont="1" applyBorder="1" applyAlignment="1">
      <alignment horizontal="left" vertical="center" indent="1"/>
    </xf>
    <xf numFmtId="0" fontId="4" fillId="0" borderId="41" xfId="0" applyFont="1" applyBorder="1" applyAlignment="1">
      <alignment horizontal="left" vertical="center" indent="1"/>
    </xf>
    <xf numFmtId="0" fontId="4" fillId="0" borderId="24" xfId="0" applyFont="1" applyBorder="1" applyAlignment="1">
      <alignment horizontal="left" vertical="center" wrapText="1" indent="2"/>
    </xf>
    <xf numFmtId="0" fontId="4" fillId="0" borderId="21" xfId="0" applyFont="1" applyBorder="1" applyAlignment="1">
      <alignment horizontal="left" vertical="center" wrapText="1" indent="2"/>
    </xf>
    <xf numFmtId="0" fontId="4" fillId="0" borderId="3" xfId="0" applyFont="1" applyBorder="1" applyAlignment="1">
      <alignment horizontal="left" vertical="center" indent="1"/>
    </xf>
    <xf numFmtId="0" fontId="4" fillId="0" borderId="42" xfId="0" applyFont="1" applyBorder="1">
      <alignment vertical="center"/>
    </xf>
    <xf numFmtId="0" fontId="4" fillId="0" borderId="43" xfId="0" applyFont="1" applyBorder="1" applyAlignment="1">
      <alignment horizontal="left" vertical="center" wrapText="1" indent="1"/>
    </xf>
    <xf numFmtId="0" fontId="4" fillId="0" borderId="43" xfId="0" applyFont="1" applyBorder="1">
      <alignment vertical="center"/>
    </xf>
    <xf numFmtId="0" fontId="4" fillId="0" borderId="42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right" vertical="center" wrapText="1" indent="1"/>
    </xf>
    <xf numFmtId="0" fontId="4" fillId="2" borderId="17" xfId="0" applyFont="1" applyFill="1" applyBorder="1" applyAlignment="1">
      <alignment horizontal="center" vertical="center"/>
    </xf>
    <xf numFmtId="0" fontId="4" fillId="0" borderId="9" xfId="0" applyFont="1" applyBorder="1" applyAlignment="1">
      <alignment horizontal="right" vertical="center" wrapText="1" indent="1"/>
    </xf>
    <xf numFmtId="0" fontId="4" fillId="0" borderId="44" xfId="0" applyFont="1" applyBorder="1">
      <alignment vertical="center"/>
    </xf>
    <xf numFmtId="0" fontId="4" fillId="0" borderId="45" xfId="0" applyFont="1" applyBorder="1" applyAlignment="1">
      <alignment horizontal="left" vertical="center" indent="1"/>
    </xf>
    <xf numFmtId="0" fontId="4" fillId="0" borderId="2" xfId="0" applyFont="1" applyBorder="1">
      <alignment vertical="center"/>
    </xf>
    <xf numFmtId="0" fontId="4" fillId="0" borderId="25" xfId="0" applyFont="1" applyBorder="1" applyAlignment="1">
      <alignment horizontal="right" vertical="center" wrapText="1" indent="1"/>
    </xf>
    <xf numFmtId="0" fontId="5" fillId="0" borderId="0" xfId="0" applyFont="1" applyAlignment="1">
      <alignment vertical="center" wrapText="1"/>
    </xf>
    <xf numFmtId="0" fontId="4" fillId="0" borderId="45" xfId="0" applyFont="1" applyBorder="1" applyAlignment="1">
      <alignment horizontal="left" vertical="center" indent="1"/>
    </xf>
    <xf numFmtId="0" fontId="4" fillId="0" borderId="0" xfId="0" applyFont="1" applyBorder="1" applyAlignment="1">
      <alignment horizontal="left" vertical="top" wrapText="1"/>
    </xf>
    <xf numFmtId="0" fontId="0" fillId="0" borderId="0" xfId="0" applyBorder="1" applyAlignment="1">
      <alignment vertical="center" wrapText="1"/>
    </xf>
    <xf numFmtId="0" fontId="4" fillId="2" borderId="47" xfId="0" applyFont="1" applyFill="1" applyBorder="1" applyAlignment="1">
      <alignment horizontal="center" vertical="center"/>
    </xf>
    <xf numFmtId="0" fontId="4" fillId="0" borderId="4" xfId="0" applyFont="1" applyBorder="1" applyAlignment="1">
      <alignment horizontal="left" vertical="center" wrapText="1" indent="1"/>
    </xf>
    <xf numFmtId="0" fontId="4" fillId="0" borderId="49" xfId="0" applyFont="1" applyBorder="1" applyAlignment="1">
      <alignment horizontal="left" vertical="center" wrapText="1"/>
    </xf>
    <xf numFmtId="0" fontId="4" fillId="0" borderId="50" xfId="0" applyFont="1" applyBorder="1" applyAlignment="1">
      <alignment horizontal="left" vertical="center" wrapText="1" indent="1"/>
    </xf>
    <xf numFmtId="0" fontId="4" fillId="0" borderId="49" xfId="0" applyFont="1" applyBorder="1" applyAlignment="1">
      <alignment horizontal="left" vertical="center" wrapText="1" indent="1"/>
    </xf>
    <xf numFmtId="0" fontId="5" fillId="0" borderId="0" xfId="0" applyFont="1">
      <alignment vertical="center"/>
    </xf>
    <xf numFmtId="0" fontId="4" fillId="2" borderId="30" xfId="0" applyFont="1" applyFill="1" applyBorder="1" applyAlignment="1">
      <alignment horizontal="center" vertical="center" wrapText="1"/>
    </xf>
    <xf numFmtId="0" fontId="4" fillId="2" borderId="47" xfId="0" applyFont="1" applyFill="1" applyBorder="1" applyAlignment="1">
      <alignment horizontal="center" vertical="center" wrapText="1"/>
    </xf>
    <xf numFmtId="0" fontId="4" fillId="2" borderId="18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center"/>
    </xf>
    <xf numFmtId="0" fontId="6" fillId="0" borderId="6" xfId="0" applyFont="1" applyBorder="1" applyAlignment="1"/>
    <xf numFmtId="0" fontId="6" fillId="0" borderId="7" xfId="0" applyFont="1" applyBorder="1" applyAlignment="1"/>
    <xf numFmtId="0" fontId="4" fillId="0" borderId="32" xfId="0" applyFont="1" applyBorder="1" applyAlignment="1">
      <alignment horizontal="center" vertical="center" wrapText="1"/>
    </xf>
    <xf numFmtId="0" fontId="4" fillId="0" borderId="38" xfId="0" applyFont="1" applyBorder="1" applyAlignment="1">
      <alignment horizontal="center" vertical="center" wrapText="1"/>
    </xf>
    <xf numFmtId="0" fontId="4" fillId="0" borderId="37" xfId="0" applyFont="1" applyBorder="1" applyAlignment="1">
      <alignment horizontal="left" vertical="center" wrapText="1" indent="1"/>
    </xf>
    <xf numFmtId="0" fontId="4" fillId="0" borderId="38" xfId="0" applyFont="1" applyBorder="1" applyAlignment="1">
      <alignment horizontal="left" vertical="center" wrapText="1" indent="1"/>
    </xf>
    <xf numFmtId="0" fontId="9" fillId="0" borderId="0" xfId="0" applyFont="1" applyAlignment="1">
      <alignment horizontal="center" vertical="center"/>
    </xf>
    <xf numFmtId="0" fontId="4" fillId="0" borderId="22" xfId="0" applyFont="1" applyBorder="1" applyAlignment="1">
      <alignment horizontal="left" vertical="center"/>
    </xf>
    <xf numFmtId="0" fontId="0" fillId="0" borderId="7" xfId="0" applyBorder="1" applyAlignment="1">
      <alignment vertical="center"/>
    </xf>
    <xf numFmtId="0" fontId="0" fillId="0" borderId="23" xfId="0" applyBorder="1" applyAlignment="1">
      <alignment vertical="center"/>
    </xf>
    <xf numFmtId="0" fontId="4" fillId="2" borderId="46" xfId="0" applyFont="1" applyFill="1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4" fillId="0" borderId="55" xfId="0" applyFont="1" applyBorder="1" applyAlignment="1">
      <alignment horizontal="left" vertical="center" indent="1"/>
    </xf>
    <xf numFmtId="0" fontId="0" fillId="0" borderId="56" xfId="0" applyBorder="1" applyAlignment="1">
      <alignment horizontal="left" vertical="center" indent="1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 wrapText="1"/>
    </xf>
    <xf numFmtId="0" fontId="8" fillId="0" borderId="0" xfId="0" applyFont="1" applyAlignment="1">
      <alignment horizontal="left" vertical="center" wrapText="1"/>
    </xf>
    <xf numFmtId="0" fontId="4" fillId="0" borderId="0" xfId="0" applyFont="1" applyBorder="1" applyAlignment="1">
      <alignment horizontal="left" vertical="top" wrapText="1"/>
    </xf>
    <xf numFmtId="0" fontId="0" fillId="0" borderId="0" xfId="0" applyBorder="1" applyAlignment="1">
      <alignment vertical="center" wrapText="1"/>
    </xf>
    <xf numFmtId="0" fontId="4" fillId="0" borderId="51" xfId="0" applyFont="1" applyBorder="1" applyAlignment="1">
      <alignment horizontal="left" vertical="center"/>
    </xf>
    <xf numFmtId="0" fontId="0" fillId="0" borderId="52" xfId="0" applyBorder="1" applyAlignment="1">
      <alignment vertical="center"/>
    </xf>
    <xf numFmtId="0" fontId="0" fillId="0" borderId="53" xfId="0" applyBorder="1" applyAlignment="1">
      <alignment vertical="center"/>
    </xf>
    <xf numFmtId="0" fontId="4" fillId="0" borderId="54" xfId="0" applyFont="1" applyBorder="1" applyAlignment="1">
      <alignment horizontal="left" vertical="center"/>
    </xf>
    <xf numFmtId="0" fontId="0" fillId="0" borderId="1" xfId="0" applyBorder="1" applyAlignment="1">
      <alignment vertical="center"/>
    </xf>
    <xf numFmtId="0" fontId="0" fillId="0" borderId="8" xfId="0" applyBorder="1" applyAlignment="1">
      <alignment vertical="center"/>
    </xf>
    <xf numFmtId="0" fontId="4" fillId="0" borderId="54" xfId="0" applyFont="1" applyBorder="1" applyAlignment="1">
      <alignment horizontal="left" vertical="center" wrapText="1"/>
    </xf>
    <xf numFmtId="0" fontId="4" fillId="2" borderId="16" xfId="0" applyFont="1" applyFill="1" applyBorder="1" applyAlignment="1">
      <alignment horizontal="center" vertical="center"/>
    </xf>
    <xf numFmtId="0" fontId="4" fillId="0" borderId="45" xfId="0" applyFont="1" applyBorder="1" applyAlignment="1">
      <alignment horizontal="left" vertical="center" indent="1"/>
    </xf>
    <xf numFmtId="0" fontId="0" fillId="0" borderId="40" xfId="0" applyBorder="1" applyAlignment="1">
      <alignment horizontal="left" vertical="center" indent="1"/>
    </xf>
    <xf numFmtId="0" fontId="4" fillId="0" borderId="39" xfId="0" applyFont="1" applyBorder="1" applyAlignment="1">
      <alignment horizontal="left" vertical="center" wrapText="1"/>
    </xf>
    <xf numFmtId="0" fontId="0" fillId="0" borderId="39" xfId="0" applyBorder="1" applyAlignment="1">
      <alignment vertical="center" wrapText="1"/>
    </xf>
    <xf numFmtId="0" fontId="4" fillId="0" borderId="6" xfId="0" applyFont="1" applyFill="1" applyBorder="1" applyAlignment="1">
      <alignment horizontal="left" vertical="center" wrapText="1"/>
    </xf>
    <xf numFmtId="0" fontId="6" fillId="0" borderId="6" xfId="0" applyFont="1" applyFill="1" applyBorder="1" applyAlignment="1">
      <alignment horizontal="left" vertical="center" wrapText="1"/>
    </xf>
    <xf numFmtId="0" fontId="8" fillId="0" borderId="6" xfId="0" applyFont="1" applyBorder="1" applyAlignment="1">
      <alignment vertical="center"/>
    </xf>
    <xf numFmtId="0" fontId="0" fillId="0" borderId="47" xfId="0" applyBorder="1" applyAlignment="1">
      <alignment horizontal="center" vertical="center"/>
    </xf>
    <xf numFmtId="0" fontId="4" fillId="2" borderId="48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D2B7B5-7542-4423-80D6-997749FDA227}">
  <dimension ref="A1:H71"/>
  <sheetViews>
    <sheetView tabSelected="1" view="pageBreakPreview" zoomScale="80" zoomScaleNormal="100" zoomScaleSheetLayoutView="80" workbookViewId="0">
      <selection activeCell="C17" sqref="C17:F17"/>
    </sheetView>
  </sheetViews>
  <sheetFormatPr defaultRowHeight="13.5" x14ac:dyDescent="0.4"/>
  <cols>
    <col min="1" max="1" width="5.125" style="1" customWidth="1"/>
    <col min="2" max="2" width="23" style="2" customWidth="1"/>
    <col min="3" max="3" width="26.75" style="2" customWidth="1"/>
    <col min="4" max="6" width="26.75" style="3" customWidth="1"/>
    <col min="7" max="7" width="3.75" style="3" customWidth="1"/>
    <col min="8" max="16384" width="9" style="3"/>
  </cols>
  <sheetData>
    <row r="1" spans="1:8" ht="27.75" customHeight="1" x14ac:dyDescent="0.4">
      <c r="F1" s="29"/>
    </row>
    <row r="2" spans="1:8" s="4" customFormat="1" ht="40.5" customHeight="1" x14ac:dyDescent="0.4">
      <c r="B2" s="85" t="s">
        <v>47</v>
      </c>
      <c r="C2" s="85"/>
      <c r="D2" s="85"/>
      <c r="E2" s="85"/>
      <c r="F2" s="85"/>
      <c r="G2" s="43"/>
    </row>
    <row r="3" spans="1:8" ht="21" customHeight="1" x14ac:dyDescent="0.4">
      <c r="F3" s="74" t="s">
        <v>48</v>
      </c>
    </row>
    <row r="4" spans="1:8" ht="37.5" customHeight="1" thickBot="1" x14ac:dyDescent="0.25">
      <c r="E4" s="79" t="s">
        <v>24</v>
      </c>
      <c r="F4" s="5"/>
      <c r="G4" s="7"/>
    </row>
    <row r="5" spans="1:8" ht="48.75" customHeight="1" thickBot="1" x14ac:dyDescent="0.25">
      <c r="E5" s="80" t="s">
        <v>45</v>
      </c>
      <c r="F5" s="6"/>
      <c r="G5" s="7"/>
    </row>
    <row r="6" spans="1:8" s="32" customFormat="1" ht="39" customHeight="1" x14ac:dyDescent="0.4">
      <c r="A6" s="31" t="s">
        <v>0</v>
      </c>
      <c r="B6" s="30" t="s">
        <v>1</v>
      </c>
      <c r="C6" s="30"/>
      <c r="G6" s="44"/>
    </row>
    <row r="7" spans="1:8" s="11" customFormat="1" ht="30.75" customHeight="1" thickBot="1" x14ac:dyDescent="0.45">
      <c r="A7" s="9"/>
      <c r="B7" s="78" t="s">
        <v>51</v>
      </c>
      <c r="C7" s="12"/>
    </row>
    <row r="8" spans="1:8" ht="33.75" customHeight="1" thickBot="1" x14ac:dyDescent="0.45">
      <c r="A8" s="9"/>
      <c r="B8" s="40" t="s">
        <v>2</v>
      </c>
      <c r="C8" s="89" t="s">
        <v>3</v>
      </c>
      <c r="D8" s="90"/>
      <c r="E8" s="90"/>
      <c r="F8" s="91"/>
    </row>
    <row r="9" spans="1:8" ht="19.5" thickTop="1" x14ac:dyDescent="0.4">
      <c r="A9" s="9"/>
      <c r="B9" s="94" t="s">
        <v>26</v>
      </c>
      <c r="C9" s="102" t="s">
        <v>60</v>
      </c>
      <c r="D9" s="103"/>
      <c r="E9" s="103"/>
      <c r="F9" s="104"/>
    </row>
    <row r="10" spans="1:8" ht="71.25" customHeight="1" x14ac:dyDescent="0.4">
      <c r="A10" s="9"/>
      <c r="B10" s="95"/>
      <c r="C10" s="47"/>
      <c r="D10" s="13"/>
      <c r="E10" s="13"/>
      <c r="F10" s="14"/>
    </row>
    <row r="11" spans="1:8" ht="18.75" x14ac:dyDescent="0.4">
      <c r="A11" s="9"/>
      <c r="B11" s="96" t="s">
        <v>27</v>
      </c>
      <c r="C11" s="105" t="s">
        <v>61</v>
      </c>
      <c r="D11" s="106"/>
      <c r="E11" s="106"/>
      <c r="F11" s="107"/>
    </row>
    <row r="12" spans="1:8" ht="71.25" customHeight="1" x14ac:dyDescent="0.4">
      <c r="A12" s="9"/>
      <c r="B12" s="95"/>
      <c r="C12" s="47"/>
      <c r="D12" s="13"/>
      <c r="E12" s="13"/>
      <c r="F12" s="14"/>
    </row>
    <row r="13" spans="1:8" ht="18.75" x14ac:dyDescent="0.4">
      <c r="A13" s="9"/>
      <c r="B13" s="96" t="s">
        <v>4</v>
      </c>
      <c r="C13" s="105" t="s">
        <v>62</v>
      </c>
      <c r="D13" s="106"/>
      <c r="E13" s="106"/>
      <c r="F13" s="107"/>
    </row>
    <row r="14" spans="1:8" ht="71.25" customHeight="1" x14ac:dyDescent="0.4">
      <c r="A14" s="9"/>
      <c r="B14" s="95"/>
      <c r="C14" s="47"/>
      <c r="D14" s="13"/>
      <c r="E14" s="13"/>
      <c r="F14" s="14"/>
    </row>
    <row r="15" spans="1:8" ht="18" customHeight="1" x14ac:dyDescent="0.4">
      <c r="A15" s="9"/>
      <c r="B15" s="96" t="s">
        <v>5</v>
      </c>
      <c r="C15" s="108" t="s">
        <v>63</v>
      </c>
      <c r="D15" s="106"/>
      <c r="E15" s="106"/>
      <c r="F15" s="107"/>
      <c r="G15" s="65"/>
      <c r="H15" s="65"/>
    </row>
    <row r="16" spans="1:8" ht="71.25" customHeight="1" x14ac:dyDescent="0.4">
      <c r="A16" s="9"/>
      <c r="B16" s="95"/>
      <c r="C16" s="47"/>
      <c r="D16" s="13"/>
      <c r="E16" s="13"/>
      <c r="F16" s="14"/>
    </row>
    <row r="17" spans="1:6" ht="18.75" x14ac:dyDescent="0.4">
      <c r="A17" s="9"/>
      <c r="B17" s="96" t="s">
        <v>6</v>
      </c>
      <c r="C17" s="105" t="s">
        <v>66</v>
      </c>
      <c r="D17" s="106"/>
      <c r="E17" s="106"/>
      <c r="F17" s="107"/>
    </row>
    <row r="18" spans="1:6" ht="71.25" customHeight="1" thickBot="1" x14ac:dyDescent="0.45">
      <c r="A18" s="9"/>
      <c r="B18" s="97"/>
      <c r="C18" s="48"/>
      <c r="D18" s="8"/>
      <c r="E18" s="8"/>
      <c r="F18" s="15"/>
    </row>
    <row r="19" spans="1:6" ht="17.25" x14ac:dyDescent="0.4">
      <c r="A19" s="9"/>
      <c r="B19" s="10"/>
      <c r="C19" s="10"/>
      <c r="D19" s="11"/>
      <c r="E19" s="11"/>
      <c r="F19" s="11"/>
    </row>
    <row r="20" spans="1:6" s="11" customFormat="1" ht="30.75" customHeight="1" thickBot="1" x14ac:dyDescent="0.45">
      <c r="A20" s="9"/>
      <c r="B20" s="78" t="s">
        <v>52</v>
      </c>
      <c r="C20" s="10"/>
    </row>
    <row r="21" spans="1:6" ht="33.75" customHeight="1" thickBot="1" x14ac:dyDescent="0.45">
      <c r="A21" s="9"/>
      <c r="B21" s="109" t="s">
        <v>7</v>
      </c>
      <c r="C21" s="90"/>
      <c r="D21" s="36" t="s">
        <v>8</v>
      </c>
      <c r="E21" s="45" t="s">
        <v>25</v>
      </c>
      <c r="F21" s="16" t="s">
        <v>46</v>
      </c>
    </row>
    <row r="22" spans="1:6" ht="26.25" customHeight="1" thickTop="1" x14ac:dyDescent="0.4">
      <c r="A22" s="9"/>
      <c r="B22" s="92" t="s">
        <v>50</v>
      </c>
      <c r="C22" s="93"/>
      <c r="D22" s="37" t="s">
        <v>9</v>
      </c>
      <c r="E22" s="17" t="s">
        <v>9</v>
      </c>
      <c r="F22" s="18"/>
    </row>
    <row r="23" spans="1:6" ht="26.25" customHeight="1" x14ac:dyDescent="0.4">
      <c r="A23" s="9"/>
      <c r="B23" s="110" t="s">
        <v>10</v>
      </c>
      <c r="C23" s="111"/>
      <c r="D23" s="38" t="s">
        <v>9</v>
      </c>
      <c r="E23" s="19" t="s">
        <v>9</v>
      </c>
      <c r="F23" s="20"/>
    </row>
    <row r="24" spans="1:6" ht="26.25" customHeight="1" x14ac:dyDescent="0.4">
      <c r="A24" s="9"/>
      <c r="B24" s="62" t="s">
        <v>11</v>
      </c>
      <c r="C24" s="49"/>
      <c r="D24" s="38" t="s">
        <v>9</v>
      </c>
      <c r="E24" s="19" t="s">
        <v>9</v>
      </c>
      <c r="F24" s="20"/>
    </row>
    <row r="25" spans="1:6" ht="26.25" customHeight="1" x14ac:dyDescent="0.4">
      <c r="A25" s="9"/>
      <c r="B25" s="41" t="s">
        <v>12</v>
      </c>
      <c r="C25" s="49"/>
      <c r="D25" s="38" t="s">
        <v>9</v>
      </c>
      <c r="E25" s="19" t="s">
        <v>9</v>
      </c>
      <c r="F25" s="20"/>
    </row>
    <row r="26" spans="1:6" ht="26.25" customHeight="1" x14ac:dyDescent="0.4">
      <c r="A26" s="9"/>
      <c r="B26" s="41" t="s">
        <v>13</v>
      </c>
      <c r="C26" s="49"/>
      <c r="D26" s="38" t="s">
        <v>9</v>
      </c>
      <c r="E26" s="19" t="s">
        <v>9</v>
      </c>
      <c r="F26" s="20"/>
    </row>
    <row r="27" spans="1:6" ht="26.25" customHeight="1" x14ac:dyDescent="0.4">
      <c r="A27" s="9"/>
      <c r="B27" s="41" t="s">
        <v>14</v>
      </c>
      <c r="C27" s="49"/>
      <c r="D27" s="38" t="s">
        <v>9</v>
      </c>
      <c r="E27" s="19" t="s">
        <v>9</v>
      </c>
      <c r="F27" s="20"/>
    </row>
    <row r="28" spans="1:6" ht="26.25" customHeight="1" x14ac:dyDescent="0.4">
      <c r="A28" s="9"/>
      <c r="B28" s="66" t="s">
        <v>49</v>
      </c>
      <c r="C28" s="49"/>
      <c r="D28" s="38" t="s">
        <v>9</v>
      </c>
      <c r="E28" s="19" t="s">
        <v>9</v>
      </c>
      <c r="F28" s="20"/>
    </row>
    <row r="29" spans="1:6" ht="26.25" customHeight="1" x14ac:dyDescent="0.4">
      <c r="A29" s="9"/>
      <c r="B29" s="62" t="s">
        <v>15</v>
      </c>
      <c r="C29" s="49"/>
      <c r="D29" s="38" t="s">
        <v>9</v>
      </c>
      <c r="E29" s="19" t="s">
        <v>9</v>
      </c>
      <c r="F29" s="20"/>
    </row>
    <row r="30" spans="1:6" ht="26.25" customHeight="1" x14ac:dyDescent="0.4">
      <c r="A30" s="9"/>
      <c r="B30" s="41" t="s">
        <v>28</v>
      </c>
      <c r="C30" s="49"/>
      <c r="D30" s="38" t="s">
        <v>9</v>
      </c>
      <c r="E30" s="19" t="s">
        <v>9</v>
      </c>
      <c r="F30" s="20"/>
    </row>
    <row r="31" spans="1:6" ht="26.25" customHeight="1" x14ac:dyDescent="0.4">
      <c r="A31" s="9"/>
      <c r="B31" s="41" t="s">
        <v>29</v>
      </c>
      <c r="C31" s="49"/>
      <c r="D31" s="38" t="s">
        <v>9</v>
      </c>
      <c r="E31" s="19" t="s">
        <v>9</v>
      </c>
      <c r="F31" s="20"/>
    </row>
    <row r="32" spans="1:6" ht="26.25" customHeight="1" thickBot="1" x14ac:dyDescent="0.45">
      <c r="A32" s="9"/>
      <c r="B32" s="42" t="s">
        <v>16</v>
      </c>
      <c r="C32" s="50"/>
      <c r="D32" s="39" t="s">
        <v>9</v>
      </c>
      <c r="E32" s="21" t="s">
        <v>9</v>
      </c>
      <c r="F32" s="22"/>
    </row>
    <row r="33" spans="1:6" ht="27" customHeight="1" x14ac:dyDescent="0.4">
      <c r="A33" s="9"/>
      <c r="B33" s="23" t="s">
        <v>44</v>
      </c>
      <c r="C33" s="23"/>
      <c r="D33" s="11"/>
      <c r="E33" s="11"/>
      <c r="F33" s="11"/>
    </row>
    <row r="34" spans="1:6" s="32" customFormat="1" ht="39" customHeight="1" x14ac:dyDescent="0.4">
      <c r="A34" s="31" t="s">
        <v>0</v>
      </c>
      <c r="B34" s="30" t="s">
        <v>17</v>
      </c>
      <c r="C34" s="30"/>
    </row>
    <row r="35" spans="1:6" ht="30.75" customHeight="1" thickBot="1" x14ac:dyDescent="0.45">
      <c r="A35" s="9"/>
      <c r="B35" s="12" t="s">
        <v>53</v>
      </c>
      <c r="C35" s="12"/>
      <c r="D35" s="11"/>
      <c r="E35" s="11"/>
      <c r="F35" s="11"/>
    </row>
    <row r="36" spans="1:6" ht="33.75" customHeight="1" thickBot="1" x14ac:dyDescent="0.45">
      <c r="A36" s="9"/>
      <c r="B36" s="40" t="s">
        <v>18</v>
      </c>
      <c r="C36" s="89" t="s">
        <v>19</v>
      </c>
      <c r="D36" s="90"/>
      <c r="E36" s="90"/>
      <c r="F36" s="91"/>
    </row>
    <row r="37" spans="1:6" ht="62.25" customHeight="1" thickTop="1" x14ac:dyDescent="0.4">
      <c r="A37" s="9"/>
      <c r="B37" s="83" t="s">
        <v>64</v>
      </c>
      <c r="C37" s="51"/>
      <c r="D37" s="33"/>
      <c r="E37" s="33"/>
      <c r="F37" s="34"/>
    </row>
    <row r="38" spans="1:6" ht="62.25" customHeight="1" thickBot="1" x14ac:dyDescent="0.45">
      <c r="A38" s="9"/>
      <c r="B38" s="84" t="s">
        <v>65</v>
      </c>
      <c r="C38" s="52"/>
      <c r="D38" s="27"/>
      <c r="E38" s="27"/>
      <c r="F38" s="35"/>
    </row>
    <row r="39" spans="1:6" ht="17.25" x14ac:dyDescent="0.4">
      <c r="A39" s="9"/>
      <c r="B39" s="10"/>
      <c r="C39" s="10"/>
      <c r="D39" s="11"/>
      <c r="E39" s="11"/>
      <c r="F39" s="11"/>
    </row>
    <row r="40" spans="1:6" ht="30.75" customHeight="1" thickBot="1" x14ac:dyDescent="0.45">
      <c r="A40" s="9"/>
      <c r="B40" s="12" t="s">
        <v>54</v>
      </c>
      <c r="C40" s="10"/>
      <c r="D40" s="11"/>
      <c r="E40" s="11"/>
      <c r="F40" s="11"/>
    </row>
    <row r="41" spans="1:6" ht="33.75" customHeight="1" thickBot="1" x14ac:dyDescent="0.45">
      <c r="A41" s="9"/>
      <c r="B41" s="109" t="s">
        <v>20</v>
      </c>
      <c r="C41" s="90"/>
      <c r="D41" s="117"/>
      <c r="E41" s="118" t="s">
        <v>21</v>
      </c>
      <c r="F41" s="91"/>
    </row>
    <row r="42" spans="1:6" ht="63.75" customHeight="1" thickTop="1" x14ac:dyDescent="0.4">
      <c r="A42" s="9"/>
      <c r="B42" s="24"/>
      <c r="C42" s="53"/>
      <c r="D42" s="25"/>
      <c r="E42" s="63"/>
      <c r="F42" s="25"/>
    </row>
    <row r="43" spans="1:6" ht="17.25" x14ac:dyDescent="0.4">
      <c r="A43" s="9"/>
      <c r="B43" s="10"/>
      <c r="C43" s="10"/>
      <c r="D43" s="11"/>
      <c r="E43" s="11"/>
      <c r="F43" s="11"/>
    </row>
    <row r="44" spans="1:6" s="32" customFormat="1" ht="39" customHeight="1" x14ac:dyDescent="0.4">
      <c r="A44" s="31" t="s">
        <v>0</v>
      </c>
      <c r="B44" s="30" t="s">
        <v>22</v>
      </c>
      <c r="C44" s="30"/>
    </row>
    <row r="45" spans="1:6" ht="30.75" customHeight="1" thickBot="1" x14ac:dyDescent="0.45">
      <c r="A45" s="9"/>
      <c r="B45" s="12" t="s">
        <v>55</v>
      </c>
      <c r="C45" s="12"/>
      <c r="D45" s="11"/>
      <c r="E45" s="11"/>
      <c r="F45" s="11"/>
    </row>
    <row r="46" spans="1:6" ht="33.75" customHeight="1" thickBot="1" x14ac:dyDescent="0.45">
      <c r="A46" s="9"/>
      <c r="B46" s="40" t="s">
        <v>30</v>
      </c>
      <c r="C46" s="69" t="s">
        <v>31</v>
      </c>
      <c r="D46" s="59" t="s">
        <v>32</v>
      </c>
      <c r="E46" s="59" t="s">
        <v>33</v>
      </c>
      <c r="F46" s="46" t="s">
        <v>34</v>
      </c>
    </row>
    <row r="47" spans="1:6" ht="75" customHeight="1" thickTop="1" x14ac:dyDescent="0.4">
      <c r="A47" s="9"/>
      <c r="B47" s="81" t="s">
        <v>57</v>
      </c>
      <c r="C47" s="70"/>
      <c r="D47" s="55"/>
      <c r="E47" s="55"/>
      <c r="F47" s="26"/>
    </row>
    <row r="48" spans="1:6" ht="75" customHeight="1" thickBot="1" x14ac:dyDescent="0.45">
      <c r="A48" s="9"/>
      <c r="B48" s="82" t="s">
        <v>56</v>
      </c>
      <c r="C48" s="71"/>
      <c r="D48" s="57"/>
      <c r="E48" s="57"/>
      <c r="F48" s="58"/>
    </row>
    <row r="49" spans="1:6" ht="33.75" customHeight="1" thickBot="1" x14ac:dyDescent="0.45">
      <c r="A49" s="9"/>
      <c r="B49" s="75" t="s">
        <v>30</v>
      </c>
      <c r="C49" s="76" t="s">
        <v>35</v>
      </c>
      <c r="D49" s="59" t="s">
        <v>36</v>
      </c>
      <c r="E49" s="59" t="s">
        <v>37</v>
      </c>
      <c r="F49" s="77" t="s">
        <v>38</v>
      </c>
    </row>
    <row r="50" spans="1:6" ht="75" customHeight="1" thickTop="1" x14ac:dyDescent="0.4">
      <c r="A50" s="9"/>
      <c r="B50" s="81" t="s">
        <v>57</v>
      </c>
      <c r="C50" s="70"/>
      <c r="D50" s="56"/>
      <c r="E50" s="56"/>
      <c r="F50" s="64"/>
    </row>
    <row r="51" spans="1:6" ht="75" customHeight="1" thickBot="1" x14ac:dyDescent="0.45">
      <c r="A51" s="9"/>
      <c r="B51" s="82" t="s">
        <v>56</v>
      </c>
      <c r="C51" s="72"/>
      <c r="D51" s="61"/>
      <c r="E51" s="61"/>
      <c r="F51" s="28"/>
    </row>
    <row r="52" spans="1:6" ht="36.75" customHeight="1" thickBot="1" x14ac:dyDescent="0.45">
      <c r="A52" s="9"/>
      <c r="B52" s="75" t="s">
        <v>30</v>
      </c>
      <c r="C52" s="76" t="s">
        <v>39</v>
      </c>
      <c r="D52" s="59" t="s">
        <v>40</v>
      </c>
      <c r="E52" s="59" t="s">
        <v>41</v>
      </c>
      <c r="F52" s="77" t="s">
        <v>42</v>
      </c>
    </row>
    <row r="53" spans="1:6" ht="75" customHeight="1" thickTop="1" x14ac:dyDescent="0.4">
      <c r="A53" s="9"/>
      <c r="B53" s="81" t="s">
        <v>57</v>
      </c>
      <c r="C53" s="70"/>
      <c r="D53" s="56"/>
      <c r="E53" s="56"/>
      <c r="F53" s="60"/>
    </row>
    <row r="54" spans="1:6" ht="75" customHeight="1" thickBot="1" x14ac:dyDescent="0.45">
      <c r="A54" s="9"/>
      <c r="B54" s="82" t="s">
        <v>56</v>
      </c>
      <c r="C54" s="73"/>
      <c r="D54" s="54"/>
      <c r="E54" s="54"/>
      <c r="F54" s="28"/>
    </row>
    <row r="55" spans="1:6" ht="99.75" customHeight="1" x14ac:dyDescent="0.4">
      <c r="A55" s="9"/>
      <c r="B55" s="112" t="s">
        <v>58</v>
      </c>
      <c r="C55" s="113"/>
      <c r="D55" s="113"/>
      <c r="E55" s="113"/>
      <c r="F55" s="113"/>
    </row>
    <row r="56" spans="1:6" ht="30.75" customHeight="1" thickBot="1" x14ac:dyDescent="0.45">
      <c r="A56" s="9"/>
      <c r="B56" s="114" t="s">
        <v>59</v>
      </c>
      <c r="C56" s="115"/>
      <c r="D56" s="115"/>
      <c r="E56" s="115"/>
      <c r="F56" s="116"/>
    </row>
    <row r="57" spans="1:6" ht="165.75" customHeight="1" thickBot="1" x14ac:dyDescent="0.45">
      <c r="A57" s="9"/>
      <c r="B57" s="86"/>
      <c r="C57" s="87"/>
      <c r="D57" s="87"/>
      <c r="E57" s="87"/>
      <c r="F57" s="88"/>
    </row>
    <row r="58" spans="1:6" ht="9.75" customHeight="1" x14ac:dyDescent="0.4">
      <c r="A58" s="9"/>
      <c r="B58" s="10"/>
      <c r="C58" s="10"/>
      <c r="D58" s="11"/>
      <c r="E58" s="11"/>
      <c r="F58" s="11"/>
    </row>
    <row r="59" spans="1:6" s="32" customFormat="1" ht="39.75" customHeight="1" thickBot="1" x14ac:dyDescent="0.45">
      <c r="A59" s="31" t="s">
        <v>0</v>
      </c>
      <c r="B59" s="30" t="s">
        <v>23</v>
      </c>
      <c r="C59" s="30"/>
    </row>
    <row r="60" spans="1:6" ht="207" customHeight="1" thickBot="1" x14ac:dyDescent="0.45">
      <c r="A60" s="9"/>
      <c r="B60" s="86"/>
      <c r="C60" s="87"/>
      <c r="D60" s="87"/>
      <c r="E60" s="87"/>
      <c r="F60" s="88"/>
    </row>
    <row r="61" spans="1:6" ht="9.75" customHeight="1" x14ac:dyDescent="0.4">
      <c r="A61" s="9"/>
      <c r="B61" s="10"/>
      <c r="C61" s="10"/>
      <c r="D61" s="11"/>
      <c r="E61" s="11"/>
      <c r="F61" s="11"/>
    </row>
    <row r="62" spans="1:6" s="32" customFormat="1" ht="39" customHeight="1" thickBot="1" x14ac:dyDescent="0.45">
      <c r="A62" s="31" t="s">
        <v>0</v>
      </c>
      <c r="B62" s="30" t="s">
        <v>43</v>
      </c>
      <c r="C62" s="30"/>
    </row>
    <row r="63" spans="1:6" ht="206.25" customHeight="1" thickBot="1" x14ac:dyDescent="0.45">
      <c r="A63" s="9"/>
      <c r="B63" s="86"/>
      <c r="C63" s="87"/>
      <c r="D63" s="87"/>
      <c r="E63" s="87"/>
      <c r="F63" s="88"/>
    </row>
    <row r="64" spans="1:6" ht="17.25" x14ac:dyDescent="0.4">
      <c r="A64" s="9"/>
      <c r="B64" s="10"/>
      <c r="C64" s="10"/>
      <c r="D64" s="11"/>
      <c r="E64" s="11"/>
      <c r="F64" s="11"/>
    </row>
    <row r="65" spans="1:6" s="32" customFormat="1" ht="39" customHeight="1" x14ac:dyDescent="0.4">
      <c r="A65" s="31"/>
      <c r="B65" s="30"/>
    </row>
    <row r="66" spans="1:6" ht="165" customHeight="1" x14ac:dyDescent="0.4">
      <c r="A66" s="9"/>
      <c r="B66" s="100"/>
      <c r="C66" s="101"/>
      <c r="D66" s="101"/>
      <c r="E66" s="101"/>
      <c r="F66" s="101"/>
    </row>
    <row r="67" spans="1:6" ht="16.5" customHeight="1" x14ac:dyDescent="0.4">
      <c r="A67" s="9"/>
      <c r="B67" s="67"/>
      <c r="C67" s="68"/>
      <c r="D67" s="68"/>
      <c r="E67" s="68"/>
      <c r="F67" s="68"/>
    </row>
    <row r="68" spans="1:6" ht="39.75" customHeight="1" x14ac:dyDescent="0.4">
      <c r="A68" s="31"/>
      <c r="B68" s="98"/>
      <c r="C68" s="99"/>
      <c r="D68" s="99"/>
      <c r="E68" s="99"/>
      <c r="F68" s="99"/>
    </row>
    <row r="69" spans="1:6" ht="165" customHeight="1" x14ac:dyDescent="0.4">
      <c r="A69" s="9"/>
      <c r="B69" s="100"/>
      <c r="C69" s="101"/>
      <c r="D69" s="101"/>
      <c r="E69" s="101"/>
      <c r="F69" s="101"/>
    </row>
    <row r="70" spans="1:6" ht="17.25" x14ac:dyDescent="0.4">
      <c r="A70" s="9"/>
      <c r="B70" s="10"/>
      <c r="C70" s="10"/>
      <c r="D70" s="11"/>
      <c r="E70" s="11"/>
      <c r="F70" s="11"/>
    </row>
    <row r="71" spans="1:6" s="32" customFormat="1" ht="39" customHeight="1" x14ac:dyDescent="0.4">
      <c r="A71" s="31"/>
      <c r="B71" s="30"/>
      <c r="C71" s="30"/>
    </row>
  </sheetData>
  <mergeCells count="26">
    <mergeCell ref="B68:F68"/>
    <mergeCell ref="B69:F69"/>
    <mergeCell ref="C9:F9"/>
    <mergeCell ref="C11:F11"/>
    <mergeCell ref="C13:F13"/>
    <mergeCell ref="C15:F15"/>
    <mergeCell ref="C17:F17"/>
    <mergeCell ref="B21:C21"/>
    <mergeCell ref="B23:C23"/>
    <mergeCell ref="B55:F55"/>
    <mergeCell ref="B56:F56"/>
    <mergeCell ref="B66:F66"/>
    <mergeCell ref="C36:F36"/>
    <mergeCell ref="B41:D41"/>
    <mergeCell ref="E41:F41"/>
    <mergeCell ref="B63:F63"/>
    <mergeCell ref="B2:F2"/>
    <mergeCell ref="B57:F57"/>
    <mergeCell ref="B60:F60"/>
    <mergeCell ref="C8:F8"/>
    <mergeCell ref="B22:C22"/>
    <mergeCell ref="B9:B10"/>
    <mergeCell ref="B11:B12"/>
    <mergeCell ref="B13:B14"/>
    <mergeCell ref="B17:B18"/>
    <mergeCell ref="B15:B16"/>
  </mergeCells>
  <phoneticPr fontId="1"/>
  <pageMargins left="0.25" right="0.25" top="0.75" bottom="0.75" header="0.3" footer="0.3"/>
  <pageSetup paperSize="9" scale="65" orientation="portrait" r:id="rId1"/>
  <rowBreaks count="1" manualBreakCount="1">
    <brk id="55" max="16383" man="1"/>
  </rowBreaks>
  <colBreaks count="1" manualBreakCount="1">
    <brk id="6" max="6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田 香</dc:creator>
  <cp:lastModifiedBy>大西 和惠</cp:lastModifiedBy>
  <cp:lastPrinted>2023-11-21T06:52:19Z</cp:lastPrinted>
  <dcterms:created xsi:type="dcterms:W3CDTF">2023-08-14T06:54:43Z</dcterms:created>
  <dcterms:modified xsi:type="dcterms:W3CDTF">2023-11-22T07:28:08Z</dcterms:modified>
</cp:coreProperties>
</file>